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8_{87C4B6ED-FFF4-4DD6-9A52-2A0203230698}" xr6:coauthVersionLast="47" xr6:coauthVersionMax="47" xr10:uidLastSave="{00000000-0000-0000-0000-000000000000}"/>
  <bookViews>
    <workbookView xWindow="-120" yWindow="-120" windowWidth="29040" windowHeight="15720" xr2:uid="{8C454993-EEC8-4839-84D6-5395C0FDAA7D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1" uniqueCount="34">
  <si>
    <t>富山市の人口</t>
  </si>
  <si>
    <t>住民基本台帳人口</t>
  </si>
  <si>
    <t>令和　　7　  年</t>
    <rPh sb="0" eb="2">
      <t>レイワ</t>
    </rPh>
    <phoneticPr fontId="5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７年　　月別動態別人口）</t>
    <rPh sb="1" eb="3">
      <t>レイワ</t>
    </rPh>
    <phoneticPr fontId="5"/>
  </si>
  <si>
    <t>自　　然　　動　　態</t>
    <rPh sb="6" eb="7">
      <t>ドウ</t>
    </rPh>
    <rPh sb="9" eb="10">
      <t>タイ</t>
    </rPh>
    <phoneticPr fontId="5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5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5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5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5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5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9" x14ac:knownFonts="1">
    <font>
      <sz val="11"/>
      <name val="ＭＳ 明朝"/>
      <family val="1"/>
    </font>
    <font>
      <sz val="6"/>
      <name val="ＭＳ Ｐ明朝"/>
      <family val="1"/>
      <charset val="128"/>
    </font>
    <font>
      <b/>
      <sz val="28"/>
      <name val="ＭＳ 明朝"/>
      <family val="1"/>
    </font>
    <font>
      <sz val="28"/>
      <name val="ＭＳ 明朝"/>
      <family val="1"/>
    </font>
    <font>
      <sz val="18"/>
      <name val="ＭＳ 明朝"/>
      <family val="1"/>
    </font>
    <font>
      <sz val="6"/>
      <name val="ＭＳ Ｐゴシック"/>
      <family val="3"/>
    </font>
    <font>
      <sz val="20"/>
      <name val="ＭＳ 明朝"/>
      <family val="1"/>
    </font>
    <font>
      <sz val="20"/>
      <name val="ＭＳ Ｐゴシック"/>
      <family val="3"/>
    </font>
    <font>
      <sz val="10"/>
      <name val="ＭＳ 明朝"/>
      <family val="1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distributed" vertical="center"/>
    </xf>
    <xf numFmtId="0" fontId="2" fillId="0" borderId="1" xfId="0" applyFont="1" applyBorder="1" applyAlignment="1">
      <alignment horizontal="distributed" vertical="center"/>
    </xf>
    <xf numFmtId="0" fontId="2" fillId="0" borderId="2" xfId="0" applyFont="1" applyBorder="1" applyAlignment="1">
      <alignment horizontal="distributed" vertical="center"/>
    </xf>
    <xf numFmtId="0" fontId="2" fillId="0" borderId="3" xfId="0" applyFont="1" applyBorder="1" applyAlignment="1">
      <alignment horizontal="distributed" vertical="center"/>
    </xf>
    <xf numFmtId="0" fontId="3" fillId="0" borderId="0" xfId="0" applyFont="1" applyAlignment="1">
      <alignment horizontal="distributed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4" fillId="0" borderId="0" xfId="0" applyFont="1" applyAlignment="1" applyProtection="1">
      <alignment vertical="center"/>
      <protection locked="0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distributed" vertical="center"/>
    </xf>
    <xf numFmtId="176" fontId="4" fillId="0" borderId="0" xfId="0" applyNumberFormat="1" applyFont="1" applyAlignment="1">
      <alignment horizontal="right" vertical="center"/>
    </xf>
    <xf numFmtId="177" fontId="4" fillId="0" borderId="0" xfId="0" applyNumberFormat="1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178" fontId="4" fillId="2" borderId="0" xfId="0" applyNumberFormat="1" applyFont="1" applyFill="1" applyAlignment="1" applyProtection="1">
      <alignment horizontal="right" vertical="center"/>
      <protection locked="0"/>
    </xf>
    <xf numFmtId="0" fontId="6" fillId="0" borderId="0" xfId="0" applyFont="1" applyAlignment="1">
      <alignment horizontal="distributed" vertical="center"/>
    </xf>
    <xf numFmtId="0" fontId="7" fillId="0" borderId="0" xfId="0" applyFont="1" applyAlignment="1">
      <alignment horizontal="distributed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179" fontId="0" fillId="2" borderId="31" xfId="0" applyNumberFormat="1" applyFill="1" applyBorder="1" applyAlignment="1" applyProtection="1">
      <alignment horizontal="right" vertical="center"/>
      <protection locked="0"/>
    </xf>
    <xf numFmtId="179" fontId="0" fillId="0" borderId="31" xfId="0" applyNumberFormat="1" applyBorder="1" applyAlignment="1">
      <alignment horizontal="right" vertical="center"/>
    </xf>
    <xf numFmtId="180" fontId="0" fillId="0" borderId="31" xfId="0" applyNumberFormat="1" applyBorder="1" applyAlignment="1">
      <alignment horizontal="right" vertical="center"/>
    </xf>
    <xf numFmtId="180" fontId="0" fillId="0" borderId="32" xfId="0" applyNumberFormat="1" applyBorder="1" applyAlignment="1">
      <alignment horizontal="right" vertical="center"/>
    </xf>
    <xf numFmtId="0" fontId="0" fillId="0" borderId="33" xfId="0" applyBorder="1" applyAlignment="1">
      <alignment horizontal="center" vertical="center"/>
    </xf>
    <xf numFmtId="179" fontId="0" fillId="2" borderId="34" xfId="0" applyNumberFormat="1" applyFill="1" applyBorder="1" applyAlignment="1" applyProtection="1">
      <alignment horizontal="right" vertical="center"/>
      <protection locked="0"/>
    </xf>
    <xf numFmtId="179" fontId="0" fillId="0" borderId="34" xfId="0" applyNumberFormat="1" applyBorder="1" applyAlignment="1">
      <alignment horizontal="right" vertical="center"/>
    </xf>
    <xf numFmtId="180" fontId="0" fillId="0" borderId="34" xfId="0" applyNumberFormat="1" applyBorder="1" applyAlignment="1">
      <alignment horizontal="right" vertical="center"/>
    </xf>
    <xf numFmtId="180" fontId="0" fillId="0" borderId="35" xfId="0" applyNumberFormat="1" applyBorder="1" applyAlignment="1">
      <alignment horizontal="right" vertical="center"/>
    </xf>
    <xf numFmtId="0" fontId="0" fillId="0" borderId="36" xfId="0" applyBorder="1" applyAlignment="1">
      <alignment horizontal="center" vertical="center"/>
    </xf>
    <xf numFmtId="179" fontId="0" fillId="2" borderId="37" xfId="0" applyNumberFormat="1" applyFill="1" applyBorder="1" applyAlignment="1" applyProtection="1">
      <alignment horizontal="right" vertical="center"/>
      <protection locked="0"/>
    </xf>
    <xf numFmtId="179" fontId="0" fillId="0" borderId="37" xfId="0" applyNumberFormat="1" applyBorder="1" applyAlignment="1">
      <alignment horizontal="right" vertical="center"/>
    </xf>
    <xf numFmtId="180" fontId="0" fillId="0" borderId="37" xfId="0" applyNumberFormat="1" applyBorder="1" applyAlignment="1">
      <alignment horizontal="right" vertical="center"/>
    </xf>
    <xf numFmtId="180" fontId="0" fillId="0" borderId="3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center" vertical="center"/>
    </xf>
    <xf numFmtId="179" fontId="0" fillId="0" borderId="29" xfId="0" applyNumberFormat="1" applyBorder="1" applyAlignment="1">
      <alignment horizontal="center" vertical="center"/>
    </xf>
    <xf numFmtId="180" fontId="0" fillId="0" borderId="0" xfId="0" applyNumberFormat="1" applyAlignment="1">
      <alignment horizontal="right" vertical="center"/>
    </xf>
    <xf numFmtId="0" fontId="8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2C7535-7032-45F2-84E2-E791D747C192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 x14ac:dyDescent="0.1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1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5" customHeight="1" x14ac:dyDescent="0.1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1</v>
      </c>
      <c r="V3" s="11" t="s">
        <v>3</v>
      </c>
      <c r="W3" s="11"/>
    </row>
    <row r="4" spans="1:32" ht="24.95" customHeight="1" x14ac:dyDescent="0.1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5" customHeight="1" x14ac:dyDescent="0.15">
      <c r="L5" s="11"/>
      <c r="M5" s="12" t="s">
        <v>4</v>
      </c>
      <c r="N5" s="12"/>
      <c r="O5" s="12"/>
      <c r="P5" s="11"/>
      <c r="Q5" s="11"/>
      <c r="R5" s="13">
        <v>188153</v>
      </c>
      <c r="S5" s="13"/>
      <c r="T5" s="13"/>
      <c r="U5" s="14"/>
      <c r="V5" s="15" t="s">
        <v>4</v>
      </c>
      <c r="W5" s="11"/>
    </row>
    <row r="6" spans="1:32" ht="24.95" customHeight="1" x14ac:dyDescent="0.15">
      <c r="L6" s="11"/>
      <c r="M6" s="12" t="s">
        <v>5</v>
      </c>
      <c r="N6" s="12"/>
      <c r="O6" s="12"/>
      <c r="P6" s="11"/>
      <c r="Q6" s="11"/>
      <c r="R6" s="13">
        <v>401624</v>
      </c>
      <c r="S6" s="13"/>
      <c r="T6" s="13"/>
      <c r="U6" s="16"/>
      <c r="V6" s="15" t="s">
        <v>6</v>
      </c>
      <c r="W6" s="11"/>
    </row>
    <row r="7" spans="1:32" ht="24.95" customHeight="1" x14ac:dyDescent="0.15">
      <c r="L7" s="11"/>
      <c r="M7" s="11"/>
      <c r="N7" s="15" t="s">
        <v>7</v>
      </c>
      <c r="O7" s="11"/>
      <c r="P7" s="11"/>
      <c r="Q7" s="11"/>
      <c r="R7" s="13">
        <v>196289</v>
      </c>
      <c r="S7" s="13"/>
      <c r="T7" s="13"/>
      <c r="U7" s="16"/>
      <c r="V7" s="15" t="s">
        <v>6</v>
      </c>
      <c r="W7" s="11"/>
    </row>
    <row r="8" spans="1:32" ht="24.95" customHeight="1" x14ac:dyDescent="0.15">
      <c r="L8" s="11"/>
      <c r="M8" s="11"/>
      <c r="N8" s="15" t="s">
        <v>8</v>
      </c>
      <c r="O8" s="11"/>
      <c r="P8" s="11"/>
      <c r="Q8" s="11"/>
      <c r="R8" s="13">
        <v>205335</v>
      </c>
      <c r="S8" s="13"/>
      <c r="T8" s="13"/>
      <c r="U8" s="16"/>
      <c r="V8" s="15" t="s">
        <v>6</v>
      </c>
      <c r="W8" s="11"/>
    </row>
    <row r="9" spans="1:32" ht="14.25" customHeight="1" x14ac:dyDescent="0.1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5" customHeight="1" x14ac:dyDescent="0.15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5" customHeight="1" x14ac:dyDescent="0.1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5" customHeight="1" x14ac:dyDescent="0.1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5" customHeight="1" x14ac:dyDescent="0.15"/>
    <row r="14" spans="1:32" ht="20.100000000000001" customHeight="1" x14ac:dyDescent="0.1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1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15">
      <c r="A16" s="27"/>
      <c r="B16" s="39"/>
      <c r="C16" s="40"/>
      <c r="D16" s="41"/>
      <c r="E16" s="39"/>
      <c r="F16" s="40"/>
      <c r="G16" s="41"/>
      <c r="H16" s="35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2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2" t="s">
        <v>22</v>
      </c>
      <c r="AA16" s="35"/>
      <c r="AB16" s="35"/>
      <c r="AC16" s="39"/>
      <c r="AD16" s="40"/>
      <c r="AE16" s="40"/>
      <c r="AF16" s="43"/>
    </row>
    <row r="17" spans="1:32" ht="20.100000000000001" customHeight="1" x14ac:dyDescent="0.15">
      <c r="A17" s="44" t="s">
        <v>23</v>
      </c>
      <c r="B17" s="45" t="s">
        <v>7</v>
      </c>
      <c r="C17" s="46" t="s">
        <v>8</v>
      </c>
      <c r="D17" s="46" t="s">
        <v>24</v>
      </c>
      <c r="E17" s="46" t="s">
        <v>7</v>
      </c>
      <c r="F17" s="46" t="s">
        <v>8</v>
      </c>
      <c r="G17" s="46" t="s">
        <v>24</v>
      </c>
      <c r="H17" s="45" t="s">
        <v>25</v>
      </c>
      <c r="I17" s="46" t="s">
        <v>4</v>
      </c>
      <c r="J17" s="46" t="s">
        <v>26</v>
      </c>
      <c r="K17" s="46" t="s">
        <v>8</v>
      </c>
      <c r="L17" s="46" t="s">
        <v>24</v>
      </c>
      <c r="M17" s="46" t="s">
        <v>4</v>
      </c>
      <c r="N17" s="46" t="s">
        <v>7</v>
      </c>
      <c r="O17" s="46" t="s">
        <v>8</v>
      </c>
      <c r="P17" s="46" t="s">
        <v>24</v>
      </c>
      <c r="Q17" s="45" t="s">
        <v>24</v>
      </c>
      <c r="R17" s="46" t="s">
        <v>4</v>
      </c>
      <c r="S17" s="46" t="s">
        <v>7</v>
      </c>
      <c r="T17" s="46" t="s">
        <v>8</v>
      </c>
      <c r="U17" s="46" t="s">
        <v>24</v>
      </c>
      <c r="V17" s="46" t="s">
        <v>4</v>
      </c>
      <c r="W17" s="46" t="s">
        <v>7</v>
      </c>
      <c r="X17" s="46" t="s">
        <v>8</v>
      </c>
      <c r="Y17" s="46" t="s">
        <v>24</v>
      </c>
      <c r="Z17" s="45" t="s">
        <v>24</v>
      </c>
      <c r="AA17" s="45" t="s">
        <v>27</v>
      </c>
      <c r="AB17" s="45" t="s">
        <v>28</v>
      </c>
      <c r="AC17" s="45" t="s">
        <v>4</v>
      </c>
      <c r="AD17" s="46" t="s">
        <v>7</v>
      </c>
      <c r="AE17" s="46" t="s">
        <v>8</v>
      </c>
      <c r="AF17" s="47" t="s">
        <v>24</v>
      </c>
    </row>
    <row r="18" spans="1:32" ht="20.100000000000001" customHeight="1" x14ac:dyDescent="0.15">
      <c r="A18" s="48">
        <v>1</v>
      </c>
      <c r="B18" s="49">
        <v>88</v>
      </c>
      <c r="C18" s="49">
        <v>102</v>
      </c>
      <c r="D18" s="50">
        <v>190</v>
      </c>
      <c r="E18" s="49">
        <v>331</v>
      </c>
      <c r="F18" s="49">
        <v>302</v>
      </c>
      <c r="G18" s="50">
        <v>633</v>
      </c>
      <c r="H18" s="50">
        <v>-443</v>
      </c>
      <c r="I18" s="49">
        <v>258</v>
      </c>
      <c r="J18" s="49">
        <v>96</v>
      </c>
      <c r="K18" s="49">
        <v>78</v>
      </c>
      <c r="L18" s="50">
        <v>174</v>
      </c>
      <c r="M18" s="49">
        <v>400</v>
      </c>
      <c r="N18" s="49">
        <v>333</v>
      </c>
      <c r="O18" s="49">
        <v>215</v>
      </c>
      <c r="P18" s="50">
        <v>548</v>
      </c>
      <c r="Q18" s="50">
        <v>722</v>
      </c>
      <c r="R18" s="49">
        <v>441</v>
      </c>
      <c r="S18" s="49">
        <v>114</v>
      </c>
      <c r="T18" s="49">
        <v>96</v>
      </c>
      <c r="U18" s="50">
        <v>210</v>
      </c>
      <c r="V18" s="49">
        <v>330</v>
      </c>
      <c r="W18" s="49">
        <v>324</v>
      </c>
      <c r="X18" s="49">
        <v>199</v>
      </c>
      <c r="Y18" s="50">
        <v>523</v>
      </c>
      <c r="Z18" s="50">
        <v>733</v>
      </c>
      <c r="AA18" s="50">
        <v>-11</v>
      </c>
      <c r="AB18" s="50">
        <v>-454</v>
      </c>
      <c r="AC18" s="51">
        <v>186623</v>
      </c>
      <c r="AD18" s="51">
        <v>196858</v>
      </c>
      <c r="AE18" s="51">
        <v>206445</v>
      </c>
      <c r="AF18" s="52">
        <v>403303</v>
      </c>
    </row>
    <row r="19" spans="1:32" ht="20.100000000000001" customHeight="1" x14ac:dyDescent="0.15">
      <c r="A19" s="53">
        <v>2</v>
      </c>
      <c r="B19" s="54">
        <v>94</v>
      </c>
      <c r="C19" s="54">
        <v>91</v>
      </c>
      <c r="D19" s="55">
        <v>185</v>
      </c>
      <c r="E19" s="54">
        <v>206</v>
      </c>
      <c r="F19" s="54">
        <v>229</v>
      </c>
      <c r="G19" s="55">
        <v>435</v>
      </c>
      <c r="H19" s="55">
        <v>-250</v>
      </c>
      <c r="I19" s="54">
        <v>284</v>
      </c>
      <c r="J19" s="54">
        <v>103</v>
      </c>
      <c r="K19" s="54">
        <v>114</v>
      </c>
      <c r="L19" s="55">
        <v>217</v>
      </c>
      <c r="M19" s="54">
        <v>446</v>
      </c>
      <c r="N19" s="54">
        <v>352</v>
      </c>
      <c r="O19" s="54">
        <v>247</v>
      </c>
      <c r="P19" s="55">
        <v>599</v>
      </c>
      <c r="Q19" s="55">
        <v>816</v>
      </c>
      <c r="R19" s="54">
        <v>352</v>
      </c>
      <c r="S19" s="54">
        <v>107</v>
      </c>
      <c r="T19" s="54">
        <v>112</v>
      </c>
      <c r="U19" s="55">
        <v>219</v>
      </c>
      <c r="V19" s="54">
        <v>314</v>
      </c>
      <c r="W19" s="54">
        <v>288</v>
      </c>
      <c r="X19" s="54">
        <v>236</v>
      </c>
      <c r="Y19" s="55">
        <v>524</v>
      </c>
      <c r="Z19" s="55">
        <v>743</v>
      </c>
      <c r="AA19" s="55">
        <v>73</v>
      </c>
      <c r="AB19" s="55">
        <v>-177</v>
      </c>
      <c r="AC19" s="56">
        <v>186687</v>
      </c>
      <c r="AD19" s="56">
        <v>196806</v>
      </c>
      <c r="AE19" s="56">
        <v>206320</v>
      </c>
      <c r="AF19" s="57">
        <v>403126</v>
      </c>
    </row>
    <row r="20" spans="1:32" ht="20.100000000000001" customHeight="1" x14ac:dyDescent="0.15">
      <c r="A20" s="53">
        <v>3</v>
      </c>
      <c r="B20" s="54">
        <v>104</v>
      </c>
      <c r="C20" s="54">
        <v>94</v>
      </c>
      <c r="D20" s="55">
        <v>198</v>
      </c>
      <c r="E20" s="54">
        <v>235</v>
      </c>
      <c r="F20" s="54">
        <v>226</v>
      </c>
      <c r="G20" s="55">
        <v>461</v>
      </c>
      <c r="H20" s="55">
        <v>-263</v>
      </c>
      <c r="I20" s="54">
        <v>562</v>
      </c>
      <c r="J20" s="54">
        <v>232</v>
      </c>
      <c r="K20" s="54">
        <v>216</v>
      </c>
      <c r="L20" s="55">
        <v>448</v>
      </c>
      <c r="M20" s="54">
        <v>1262</v>
      </c>
      <c r="N20" s="54">
        <v>1061</v>
      </c>
      <c r="O20" s="54">
        <v>716</v>
      </c>
      <c r="P20" s="55">
        <v>1777</v>
      </c>
      <c r="Q20" s="55">
        <v>2225</v>
      </c>
      <c r="R20" s="54">
        <v>559</v>
      </c>
      <c r="S20" s="54">
        <v>301</v>
      </c>
      <c r="T20" s="54">
        <v>192</v>
      </c>
      <c r="U20" s="55">
        <v>493</v>
      </c>
      <c r="V20" s="54">
        <v>1003</v>
      </c>
      <c r="W20" s="54">
        <v>1268</v>
      </c>
      <c r="X20" s="54">
        <v>990</v>
      </c>
      <c r="Y20" s="55">
        <v>2258</v>
      </c>
      <c r="Z20" s="55">
        <v>2751</v>
      </c>
      <c r="AA20" s="55">
        <v>-526</v>
      </c>
      <c r="AB20" s="55">
        <v>-789</v>
      </c>
      <c r="AC20" s="56">
        <v>186949</v>
      </c>
      <c r="AD20" s="56">
        <v>196399</v>
      </c>
      <c r="AE20" s="56">
        <v>205938</v>
      </c>
      <c r="AF20" s="57">
        <v>402337</v>
      </c>
    </row>
    <row r="21" spans="1:32" ht="20.100000000000001" customHeight="1" x14ac:dyDescent="0.15">
      <c r="A21" s="53">
        <v>4</v>
      </c>
      <c r="B21" s="54">
        <v>107</v>
      </c>
      <c r="C21" s="54">
        <v>100</v>
      </c>
      <c r="D21" s="55">
        <v>207</v>
      </c>
      <c r="E21" s="54">
        <v>236</v>
      </c>
      <c r="F21" s="54">
        <v>223</v>
      </c>
      <c r="G21" s="55">
        <v>459</v>
      </c>
      <c r="H21" s="55">
        <v>-252</v>
      </c>
      <c r="I21" s="54">
        <v>550</v>
      </c>
      <c r="J21" s="54">
        <v>249</v>
      </c>
      <c r="K21" s="54">
        <v>189</v>
      </c>
      <c r="L21" s="55">
        <v>438</v>
      </c>
      <c r="M21" s="54">
        <v>1136</v>
      </c>
      <c r="N21" s="54">
        <v>898</v>
      </c>
      <c r="O21" s="54">
        <v>576</v>
      </c>
      <c r="P21" s="55">
        <v>1474</v>
      </c>
      <c r="Q21" s="55">
        <v>1912</v>
      </c>
      <c r="R21" s="54">
        <v>507</v>
      </c>
      <c r="S21" s="54">
        <v>211</v>
      </c>
      <c r="T21" s="54">
        <v>125</v>
      </c>
      <c r="U21" s="55">
        <v>336</v>
      </c>
      <c r="V21" s="54">
        <v>701</v>
      </c>
      <c r="W21" s="54">
        <v>745</v>
      </c>
      <c r="X21" s="54">
        <v>504</v>
      </c>
      <c r="Y21" s="55">
        <v>1249</v>
      </c>
      <c r="Z21" s="55">
        <v>1585</v>
      </c>
      <c r="AA21" s="55">
        <v>327</v>
      </c>
      <c r="AB21" s="55">
        <v>75</v>
      </c>
      <c r="AC21" s="56">
        <v>187427</v>
      </c>
      <c r="AD21" s="56">
        <v>196461</v>
      </c>
      <c r="AE21" s="56">
        <v>205951</v>
      </c>
      <c r="AF21" s="57">
        <v>402412</v>
      </c>
    </row>
    <row r="22" spans="1:32" ht="20.100000000000001" customHeight="1" x14ac:dyDescent="0.15">
      <c r="A22" s="53">
        <v>5</v>
      </c>
      <c r="B22" s="54">
        <v>89</v>
      </c>
      <c r="C22" s="54">
        <v>91</v>
      </c>
      <c r="D22" s="55">
        <v>180</v>
      </c>
      <c r="E22" s="54">
        <v>210</v>
      </c>
      <c r="F22" s="54">
        <v>196</v>
      </c>
      <c r="G22" s="55">
        <v>406</v>
      </c>
      <c r="H22" s="55">
        <v>-226</v>
      </c>
      <c r="I22" s="54">
        <v>380</v>
      </c>
      <c r="J22" s="54">
        <v>128</v>
      </c>
      <c r="K22" s="54">
        <v>140</v>
      </c>
      <c r="L22" s="55">
        <v>268</v>
      </c>
      <c r="M22" s="54">
        <v>672</v>
      </c>
      <c r="N22" s="54">
        <v>461</v>
      </c>
      <c r="O22" s="54">
        <v>368</v>
      </c>
      <c r="P22" s="55">
        <v>829</v>
      </c>
      <c r="Q22" s="55">
        <v>1097</v>
      </c>
      <c r="R22" s="54">
        <v>435</v>
      </c>
      <c r="S22" s="54">
        <v>114</v>
      </c>
      <c r="T22" s="54">
        <v>146</v>
      </c>
      <c r="U22" s="55">
        <v>260</v>
      </c>
      <c r="V22" s="54">
        <v>395</v>
      </c>
      <c r="W22" s="54">
        <v>380</v>
      </c>
      <c r="X22" s="54">
        <v>257</v>
      </c>
      <c r="Y22" s="55">
        <v>637</v>
      </c>
      <c r="Z22" s="55">
        <v>897</v>
      </c>
      <c r="AA22" s="55">
        <v>200</v>
      </c>
      <c r="AB22" s="55">
        <v>-26</v>
      </c>
      <c r="AC22" s="56">
        <v>187649</v>
      </c>
      <c r="AD22" s="56">
        <v>196435</v>
      </c>
      <c r="AE22" s="56">
        <v>205951</v>
      </c>
      <c r="AF22" s="57">
        <v>402386</v>
      </c>
    </row>
    <row r="23" spans="1:32" ht="20.100000000000001" customHeight="1" x14ac:dyDescent="0.15">
      <c r="A23" s="53">
        <v>6</v>
      </c>
      <c r="B23" s="54">
        <v>93</v>
      </c>
      <c r="C23" s="54">
        <v>91</v>
      </c>
      <c r="D23" s="55">
        <v>184</v>
      </c>
      <c r="E23" s="54">
        <v>219</v>
      </c>
      <c r="F23" s="54">
        <v>225</v>
      </c>
      <c r="G23" s="55">
        <v>444</v>
      </c>
      <c r="H23" s="55">
        <v>-260</v>
      </c>
      <c r="I23" s="54">
        <v>402</v>
      </c>
      <c r="J23" s="54">
        <v>148</v>
      </c>
      <c r="K23" s="54">
        <v>121</v>
      </c>
      <c r="L23" s="55">
        <v>269</v>
      </c>
      <c r="M23" s="54">
        <v>530</v>
      </c>
      <c r="N23" s="54">
        <v>466</v>
      </c>
      <c r="O23" s="54">
        <v>262</v>
      </c>
      <c r="P23" s="55">
        <v>728</v>
      </c>
      <c r="Q23" s="55">
        <v>997</v>
      </c>
      <c r="R23" s="54">
        <v>396</v>
      </c>
      <c r="S23" s="54">
        <v>118</v>
      </c>
      <c r="T23" s="54">
        <v>107</v>
      </c>
      <c r="U23" s="55">
        <v>225</v>
      </c>
      <c r="V23" s="54">
        <v>415</v>
      </c>
      <c r="W23" s="54">
        <v>359</v>
      </c>
      <c r="X23" s="54">
        <v>276</v>
      </c>
      <c r="Y23" s="55">
        <v>635</v>
      </c>
      <c r="Z23" s="55">
        <v>860</v>
      </c>
      <c r="AA23" s="55">
        <v>137</v>
      </c>
      <c r="AB23" s="55">
        <v>-123</v>
      </c>
      <c r="AC23" s="56">
        <v>187770</v>
      </c>
      <c r="AD23" s="56">
        <v>196446</v>
      </c>
      <c r="AE23" s="56">
        <v>205817</v>
      </c>
      <c r="AF23" s="57">
        <v>402263</v>
      </c>
    </row>
    <row r="24" spans="1:32" ht="20.100000000000001" customHeight="1" x14ac:dyDescent="0.15">
      <c r="A24" s="53">
        <v>7</v>
      </c>
      <c r="B24" s="54">
        <v>106</v>
      </c>
      <c r="C24" s="54">
        <v>103</v>
      </c>
      <c r="D24" s="55">
        <v>209</v>
      </c>
      <c r="E24" s="54">
        <v>200</v>
      </c>
      <c r="F24" s="54">
        <v>244</v>
      </c>
      <c r="G24" s="55">
        <v>444</v>
      </c>
      <c r="H24" s="55">
        <v>-235</v>
      </c>
      <c r="I24" s="54">
        <v>372</v>
      </c>
      <c r="J24" s="54">
        <v>135</v>
      </c>
      <c r="K24" s="54">
        <v>119</v>
      </c>
      <c r="L24" s="55">
        <v>254</v>
      </c>
      <c r="M24" s="54">
        <v>536</v>
      </c>
      <c r="N24" s="54">
        <v>474</v>
      </c>
      <c r="O24" s="54">
        <v>261</v>
      </c>
      <c r="P24" s="55">
        <v>735</v>
      </c>
      <c r="Q24" s="55">
        <v>989</v>
      </c>
      <c r="R24" s="54">
        <v>422</v>
      </c>
      <c r="S24" s="54">
        <v>107</v>
      </c>
      <c r="T24" s="54">
        <v>112</v>
      </c>
      <c r="U24" s="55">
        <v>219</v>
      </c>
      <c r="V24" s="54">
        <v>378</v>
      </c>
      <c r="W24" s="54">
        <v>382</v>
      </c>
      <c r="X24" s="54">
        <v>217</v>
      </c>
      <c r="Y24" s="55">
        <v>599</v>
      </c>
      <c r="Z24" s="55">
        <v>818</v>
      </c>
      <c r="AA24" s="55">
        <v>171</v>
      </c>
      <c r="AB24" s="55">
        <v>-64</v>
      </c>
      <c r="AC24" s="56">
        <v>187878</v>
      </c>
      <c r="AD24" s="56">
        <v>196472</v>
      </c>
      <c r="AE24" s="56">
        <v>205727</v>
      </c>
      <c r="AF24" s="57">
        <v>402199</v>
      </c>
    </row>
    <row r="25" spans="1:32" ht="20.100000000000001" customHeight="1" x14ac:dyDescent="0.15">
      <c r="A25" s="53">
        <v>8</v>
      </c>
      <c r="B25" s="54">
        <v>95</v>
      </c>
      <c r="C25" s="54">
        <v>102</v>
      </c>
      <c r="D25" s="55">
        <v>197</v>
      </c>
      <c r="E25" s="54">
        <v>222</v>
      </c>
      <c r="F25" s="54">
        <v>206</v>
      </c>
      <c r="G25" s="55">
        <v>428</v>
      </c>
      <c r="H25" s="55">
        <v>-231</v>
      </c>
      <c r="I25" s="54">
        <v>304</v>
      </c>
      <c r="J25" s="54">
        <v>141</v>
      </c>
      <c r="K25" s="54">
        <v>110</v>
      </c>
      <c r="L25" s="55">
        <v>251</v>
      </c>
      <c r="M25" s="54">
        <v>541</v>
      </c>
      <c r="N25" s="54">
        <v>475</v>
      </c>
      <c r="O25" s="54">
        <v>274</v>
      </c>
      <c r="P25" s="55">
        <v>749</v>
      </c>
      <c r="Q25" s="55">
        <v>1000</v>
      </c>
      <c r="R25" s="54">
        <v>380</v>
      </c>
      <c r="S25" s="54">
        <v>111</v>
      </c>
      <c r="T25" s="54">
        <v>85</v>
      </c>
      <c r="U25" s="55">
        <v>196</v>
      </c>
      <c r="V25" s="54">
        <v>328</v>
      </c>
      <c r="W25" s="54">
        <v>337</v>
      </c>
      <c r="X25" s="54">
        <v>269</v>
      </c>
      <c r="Y25" s="55">
        <v>606</v>
      </c>
      <c r="Z25" s="55">
        <v>802</v>
      </c>
      <c r="AA25" s="55">
        <v>198</v>
      </c>
      <c r="AB25" s="55">
        <v>-33</v>
      </c>
      <c r="AC25" s="56">
        <v>188015</v>
      </c>
      <c r="AD25" s="56">
        <v>196513</v>
      </c>
      <c r="AE25" s="56">
        <v>205653</v>
      </c>
      <c r="AF25" s="57">
        <v>402166</v>
      </c>
    </row>
    <row r="26" spans="1:32" ht="20.100000000000001" customHeight="1" x14ac:dyDescent="0.15">
      <c r="A26" s="53">
        <v>9</v>
      </c>
      <c r="B26" s="54">
        <v>114</v>
      </c>
      <c r="C26" s="54">
        <v>104</v>
      </c>
      <c r="D26" s="55">
        <v>218</v>
      </c>
      <c r="E26" s="54">
        <v>233</v>
      </c>
      <c r="F26" s="54">
        <v>207</v>
      </c>
      <c r="G26" s="55">
        <v>440</v>
      </c>
      <c r="H26" s="55">
        <v>-222</v>
      </c>
      <c r="I26" s="54">
        <v>339</v>
      </c>
      <c r="J26" s="54">
        <v>120</v>
      </c>
      <c r="K26" s="54">
        <v>111</v>
      </c>
      <c r="L26" s="55">
        <v>231</v>
      </c>
      <c r="M26" s="54">
        <v>598</v>
      </c>
      <c r="N26" s="54">
        <v>468</v>
      </c>
      <c r="O26" s="54">
        <v>300</v>
      </c>
      <c r="P26" s="55">
        <v>768</v>
      </c>
      <c r="Q26" s="55">
        <v>999</v>
      </c>
      <c r="R26" s="54">
        <v>474</v>
      </c>
      <c r="S26" s="54">
        <v>164</v>
      </c>
      <c r="T26" s="54">
        <v>120</v>
      </c>
      <c r="U26" s="55">
        <v>284</v>
      </c>
      <c r="V26" s="54">
        <v>414</v>
      </c>
      <c r="W26" s="54">
        <v>377</v>
      </c>
      <c r="X26" s="54">
        <v>267</v>
      </c>
      <c r="Y26" s="55">
        <v>644</v>
      </c>
      <c r="Z26" s="55">
        <v>928</v>
      </c>
      <c r="AA26" s="55">
        <v>71</v>
      </c>
      <c r="AB26" s="55">
        <v>-151</v>
      </c>
      <c r="AC26" s="56">
        <v>188064</v>
      </c>
      <c r="AD26" s="56">
        <v>196441</v>
      </c>
      <c r="AE26" s="56">
        <v>205574</v>
      </c>
      <c r="AF26" s="57">
        <v>402015</v>
      </c>
    </row>
    <row r="27" spans="1:32" ht="20.100000000000001" customHeight="1" x14ac:dyDescent="0.15">
      <c r="A27" s="53">
        <v>10</v>
      </c>
      <c r="B27" s="54">
        <v>93</v>
      </c>
      <c r="C27" s="54">
        <v>89</v>
      </c>
      <c r="D27" s="55">
        <v>182</v>
      </c>
      <c r="E27" s="54">
        <v>220</v>
      </c>
      <c r="F27" s="54">
        <v>220</v>
      </c>
      <c r="G27" s="55">
        <v>440</v>
      </c>
      <c r="H27" s="55">
        <v>-258</v>
      </c>
      <c r="I27" s="54">
        <v>360</v>
      </c>
      <c r="J27" s="54">
        <v>146</v>
      </c>
      <c r="K27" s="54">
        <v>126</v>
      </c>
      <c r="L27" s="55">
        <v>272</v>
      </c>
      <c r="M27" s="54">
        <v>523</v>
      </c>
      <c r="N27" s="54">
        <v>392</v>
      </c>
      <c r="O27" s="54">
        <v>300</v>
      </c>
      <c r="P27" s="55">
        <v>692</v>
      </c>
      <c r="Q27" s="55">
        <v>964</v>
      </c>
      <c r="R27" s="54">
        <v>465</v>
      </c>
      <c r="S27" s="54">
        <v>154</v>
      </c>
      <c r="T27" s="54">
        <v>160</v>
      </c>
      <c r="U27" s="55">
        <v>314</v>
      </c>
      <c r="V27" s="54">
        <v>390</v>
      </c>
      <c r="W27" s="54">
        <v>341</v>
      </c>
      <c r="X27" s="54">
        <v>269</v>
      </c>
      <c r="Y27" s="55">
        <v>610</v>
      </c>
      <c r="Z27" s="55">
        <v>924</v>
      </c>
      <c r="AA27" s="55">
        <v>40</v>
      </c>
      <c r="AB27" s="55">
        <v>-218</v>
      </c>
      <c r="AC27" s="56">
        <v>188092</v>
      </c>
      <c r="AD27" s="56">
        <v>196357</v>
      </c>
      <c r="AE27" s="56">
        <v>205440</v>
      </c>
      <c r="AF27" s="57">
        <v>401797</v>
      </c>
    </row>
    <row r="28" spans="1:32" ht="20.100000000000001" customHeight="1" x14ac:dyDescent="0.15">
      <c r="A28" s="53">
        <v>11</v>
      </c>
      <c r="B28" s="54">
        <v>78</v>
      </c>
      <c r="C28" s="54">
        <v>80</v>
      </c>
      <c r="D28" s="55">
        <v>158</v>
      </c>
      <c r="E28" s="54">
        <v>229</v>
      </c>
      <c r="F28" s="54">
        <v>222</v>
      </c>
      <c r="G28" s="55">
        <v>451</v>
      </c>
      <c r="H28" s="55">
        <v>-293</v>
      </c>
      <c r="I28" s="54">
        <v>325</v>
      </c>
      <c r="J28" s="54">
        <v>109</v>
      </c>
      <c r="K28" s="54">
        <v>102</v>
      </c>
      <c r="L28" s="55">
        <v>211</v>
      </c>
      <c r="M28" s="54">
        <v>423</v>
      </c>
      <c r="N28" s="54">
        <v>326</v>
      </c>
      <c r="O28" s="54">
        <v>217</v>
      </c>
      <c r="P28" s="55">
        <v>543</v>
      </c>
      <c r="Q28" s="55">
        <v>754</v>
      </c>
      <c r="R28" s="54">
        <v>411</v>
      </c>
      <c r="S28" s="54">
        <v>108</v>
      </c>
      <c r="T28" s="54">
        <v>94</v>
      </c>
      <c r="U28" s="55">
        <v>202</v>
      </c>
      <c r="V28" s="54">
        <v>276</v>
      </c>
      <c r="W28" s="54">
        <v>244</v>
      </c>
      <c r="X28" s="54">
        <v>188</v>
      </c>
      <c r="Y28" s="55">
        <v>432</v>
      </c>
      <c r="Z28" s="55">
        <v>634</v>
      </c>
      <c r="AA28" s="55">
        <v>120</v>
      </c>
      <c r="AB28" s="55">
        <v>-173</v>
      </c>
      <c r="AC28" s="56">
        <v>188153</v>
      </c>
      <c r="AD28" s="56">
        <v>196289</v>
      </c>
      <c r="AE28" s="56">
        <v>205335</v>
      </c>
      <c r="AF28" s="57">
        <v>401624</v>
      </c>
    </row>
    <row r="29" spans="1:32" ht="20.100000000000001" customHeight="1" x14ac:dyDescent="0.15">
      <c r="A29" s="58">
        <v>12</v>
      </c>
      <c r="B29" s="59"/>
      <c r="C29" s="59"/>
      <c r="D29" s="60">
        <v>0</v>
      </c>
      <c r="E29" s="59"/>
      <c r="F29" s="59"/>
      <c r="G29" s="60">
        <v>0</v>
      </c>
      <c r="H29" s="60">
        <v>0</v>
      </c>
      <c r="I29" s="59"/>
      <c r="J29" s="59"/>
      <c r="K29" s="59"/>
      <c r="L29" s="60">
        <v>0</v>
      </c>
      <c r="M29" s="59"/>
      <c r="N29" s="59"/>
      <c r="O29" s="59"/>
      <c r="P29" s="60">
        <v>0</v>
      </c>
      <c r="Q29" s="60">
        <v>0</v>
      </c>
      <c r="R29" s="59"/>
      <c r="S29" s="59"/>
      <c r="T29" s="59"/>
      <c r="U29" s="60">
        <v>0</v>
      </c>
      <c r="V29" s="59"/>
      <c r="W29" s="59"/>
      <c r="X29" s="59"/>
      <c r="Y29" s="60">
        <v>0</v>
      </c>
      <c r="Z29" s="60">
        <v>0</v>
      </c>
      <c r="AA29" s="60">
        <v>0</v>
      </c>
      <c r="AB29" s="60">
        <v>0</v>
      </c>
      <c r="AC29" s="61" t="s">
        <v>29</v>
      </c>
      <c r="AD29" s="61" t="s">
        <v>29</v>
      </c>
      <c r="AE29" s="61" t="s">
        <v>29</v>
      </c>
      <c r="AF29" s="62">
        <v>0</v>
      </c>
    </row>
    <row r="30" spans="1:32" ht="20.100000000000001" customHeight="1" x14ac:dyDescent="0.15">
      <c r="A30" s="44" t="s">
        <v>24</v>
      </c>
      <c r="B30" s="63">
        <v>1061</v>
      </c>
      <c r="C30" s="63">
        <v>1047</v>
      </c>
      <c r="D30" s="63">
        <v>2108</v>
      </c>
      <c r="E30" s="63">
        <v>2541</v>
      </c>
      <c r="F30" s="63">
        <v>2500</v>
      </c>
      <c r="G30" s="63">
        <v>5041</v>
      </c>
      <c r="H30" s="63">
        <v>-2933</v>
      </c>
      <c r="I30" s="63">
        <v>4136</v>
      </c>
      <c r="J30" s="63">
        <v>1607</v>
      </c>
      <c r="K30" s="63">
        <v>1426</v>
      </c>
      <c r="L30" s="63">
        <v>3033</v>
      </c>
      <c r="M30" s="63">
        <v>7067</v>
      </c>
      <c r="N30" s="63">
        <v>5706</v>
      </c>
      <c r="O30" s="63">
        <v>3736</v>
      </c>
      <c r="P30" s="63">
        <v>9442</v>
      </c>
      <c r="Q30" s="63">
        <v>12475</v>
      </c>
      <c r="R30" s="63">
        <v>4842</v>
      </c>
      <c r="S30" s="63">
        <v>1609</v>
      </c>
      <c r="T30" s="63">
        <v>1349</v>
      </c>
      <c r="U30" s="63">
        <v>2958</v>
      </c>
      <c r="V30" s="63">
        <v>4944</v>
      </c>
      <c r="W30" s="63">
        <v>5045</v>
      </c>
      <c r="X30" s="63">
        <v>3672</v>
      </c>
      <c r="Y30" s="63">
        <v>8717</v>
      </c>
      <c r="Z30" s="63">
        <v>11675</v>
      </c>
      <c r="AA30" s="63">
        <v>800</v>
      </c>
      <c r="AB30" s="63">
        <v>-2133</v>
      </c>
      <c r="AC30" s="64"/>
      <c r="AD30" s="64"/>
      <c r="AE30" s="64"/>
      <c r="AF30" s="65"/>
    </row>
    <row r="31" spans="1:32" x14ac:dyDescent="0.15">
      <c r="H31" s="66"/>
      <c r="I31" s="66"/>
      <c r="J31" s="66"/>
      <c r="K31" s="66"/>
      <c r="L31" s="66"/>
      <c r="M31" s="66"/>
      <c r="N31" s="66"/>
      <c r="O31" s="66"/>
      <c r="P31" s="66"/>
      <c r="Q31" s="66"/>
      <c r="R31" s="66"/>
      <c r="S31" s="66"/>
      <c r="T31" s="66"/>
      <c r="U31" s="66"/>
      <c r="V31" s="66"/>
      <c r="W31" s="66"/>
      <c r="X31" s="66"/>
      <c r="Y31" s="66"/>
      <c r="Z31" s="66"/>
      <c r="AA31" s="66"/>
      <c r="AB31" s="66"/>
      <c r="AC31" s="66"/>
      <c r="AD31" s="66"/>
      <c r="AE31" s="66"/>
      <c r="AF31" s="66"/>
    </row>
    <row r="32" spans="1:32" x14ac:dyDescent="0.15">
      <c r="B32" s="67" t="s">
        <v>30</v>
      </c>
      <c r="E32" s="66"/>
      <c r="F32" s="66"/>
      <c r="G32" s="66"/>
      <c r="H32" s="66"/>
      <c r="I32" s="66"/>
      <c r="J32" s="66"/>
      <c r="K32" s="66"/>
      <c r="L32" s="66"/>
      <c r="M32" s="66"/>
      <c r="N32" s="66"/>
      <c r="O32" s="66"/>
      <c r="P32" s="66"/>
      <c r="Q32" s="66"/>
      <c r="R32" s="66"/>
      <c r="S32" s="66"/>
      <c r="T32" s="66"/>
      <c r="U32" s="66"/>
      <c r="V32" s="66"/>
      <c r="W32" s="66"/>
      <c r="X32" s="66"/>
      <c r="Y32" s="66"/>
      <c r="AA32" s="66"/>
      <c r="AB32" s="66"/>
      <c r="AC32" s="66"/>
      <c r="AD32" s="66"/>
      <c r="AE32" s="66"/>
      <c r="AF32" s="66"/>
    </row>
    <row r="33" spans="2:2" x14ac:dyDescent="0.15">
      <c r="B33" s="67" t="s">
        <v>31</v>
      </c>
    </row>
    <row r="34" spans="2:2" x14ac:dyDescent="0.15">
      <c r="B34" s="67" t="s">
        <v>32</v>
      </c>
    </row>
    <row r="35" spans="2:2" x14ac:dyDescent="0.15">
      <c r="B35" s="67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2-03T09:23:08Z</dcterms:created>
  <dcterms:modified xsi:type="dcterms:W3CDTF">2025-12-03T09:23:09Z</dcterms:modified>
</cp:coreProperties>
</file>